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9"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能美クリニック</t>
    <phoneticPr fontId="3"/>
  </si>
  <si>
    <t>〒697-0036 浜田市天満町１１</t>
    <phoneticPr fontId="3"/>
  </si>
  <si>
    <t>〇</t>
  </si>
  <si>
    <t>個人</t>
  </si>
  <si>
    <t>整形外科</t>
  </si>
  <si>
    <t>無</t>
  </si>
  <si>
    <t>*</t>
  </si>
  <si>
    <t>*</t>
    <phoneticPr fontId="3"/>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6&amp;chosano=2&amp;kikancd=232571297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6</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6</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6</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6</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9</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9</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9</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9</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9</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9</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6</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9</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v>0</v>
      </c>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0</v>
      </c>
      <c r="K159" s="99" t="str">
        <f t="shared" si="1"/>
        <v/>
      </c>
      <c r="L159" s="167">
        <v>0</v>
      </c>
      <c r="M159" s="167">
        <v>0</v>
      </c>
      <c r="N159" s="167">
        <v>0</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3.3</v>
      </c>
      <c r="K160" s="99" t="str">
        <f t="shared" si="1"/>
        <v/>
      </c>
      <c r="L160" s="168">
        <v>2.2999999999999998</v>
      </c>
      <c r="M160" s="168">
        <v>0</v>
      </c>
      <c r="N160" s="168">
        <v>1</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2</v>
      </c>
      <c r="K161" s="99" t="str">
        <f t="shared" si="1"/>
        <v/>
      </c>
      <c r="L161" s="167">
        <v>2</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3</v>
      </c>
      <c r="K162" s="99" t="str">
        <f t="shared" si="1"/>
        <v/>
      </c>
      <c r="L162" s="168">
        <v>2.4</v>
      </c>
      <c r="M162" s="168">
        <v>0</v>
      </c>
      <c r="N162" s="168">
        <v>0.6</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10</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t="s">
        <v>338</v>
      </c>
      <c r="K272" s="99" t="str">
        <f>IF(OR(COUNTIF(J272,"未確認")&gt;0,COUNTIF(J272,"*")&gt;0),"※","")</f>
        <v>※</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1</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119</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1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9</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1</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1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9</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1</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1</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1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9</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1</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t="s">
        <v>338</v>
      </c>
      <c r="K359" s="99" t="str">
        <f t="shared" ref="K359:K363" si="4">IF(OR(COUNTIF(J359,"未確認")&gt;0,COUNTIF(J359,"*")&gt;0),"※","")</f>
        <v>※</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t="s">
        <v>338</v>
      </c>
      <c r="K361" s="99" t="str">
        <f t="shared" si="4"/>
        <v>※</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t="s">
        <v>339</v>
      </c>
      <c r="K363" s="99" t="str">
        <f t="shared" si="4"/>
        <v>※</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1</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2:47Z</cp:lastPrinted>
  <dcterms:created xsi:type="dcterms:W3CDTF">2019-03-05T11:12:49Z</dcterms:created>
  <dcterms:modified xsi:type="dcterms:W3CDTF">2021-05-24T00:32:50Z</dcterms:modified>
</cp:coreProperties>
</file>